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738EE" w:rsidRPr="00FF5C2E" w:rsidRDefault="00A738EE" w:rsidP="0039288C">
      <w:pPr>
        <w:pStyle w:val="tud-briefbetreffzeile"/>
        <w:tabs>
          <w:tab w:val="left" w:pos="2400"/>
        </w:tabs>
        <w:spacing w:before="0" w:after="0" w:line="240" w:lineRule="auto"/>
        <w:rPr>
          <w:rFonts w:ascii="Open Sans" w:hAnsi="Open Sans"/>
          <w:i w:val="0"/>
          <w:iCs w:val="0"/>
          <w:sz w:val="16"/>
          <w:szCs w:val="16"/>
        </w:rPr>
      </w:pPr>
    </w:p>
    <w:p w:rsidR="00A738EE" w:rsidRPr="00FF5C2E" w:rsidRDefault="00A738EE" w:rsidP="00A738EE">
      <w:pPr>
        <w:pStyle w:val="tud-briefbetreffzeile"/>
        <w:tabs>
          <w:tab w:val="left" w:pos="1973"/>
          <w:tab w:val="center" w:pos="4252"/>
        </w:tabs>
        <w:spacing w:before="0" w:after="0" w:line="240" w:lineRule="auto"/>
        <w:rPr>
          <w:rFonts w:ascii="Open Sans" w:hAnsi="Open Sans"/>
          <w:i w:val="0"/>
          <w:iCs w:val="0"/>
          <w:sz w:val="15"/>
          <w:szCs w:val="15"/>
        </w:rPr>
      </w:pPr>
    </w:p>
    <w:p w:rsidR="00E64F27" w:rsidRPr="00FF5C2E" w:rsidRDefault="00E64F27" w:rsidP="00A738EE">
      <w:pPr>
        <w:pStyle w:val="tud-briefbetreffzeile"/>
        <w:tabs>
          <w:tab w:val="left" w:pos="1973"/>
          <w:tab w:val="center" w:pos="4252"/>
        </w:tabs>
        <w:spacing w:before="0" w:after="0" w:line="240" w:lineRule="auto"/>
        <w:rPr>
          <w:rFonts w:ascii="Open Sans" w:hAnsi="Open Sans"/>
          <w:i w:val="0"/>
          <w:iCs w:val="0"/>
          <w:sz w:val="15"/>
          <w:szCs w:val="15"/>
        </w:rPr>
      </w:pPr>
    </w:p>
    <w:p w:rsidR="00A738EE" w:rsidRPr="00FF5C2E" w:rsidRDefault="00A738EE" w:rsidP="00A738EE">
      <w:pPr>
        <w:pStyle w:val="tud-briefbetreffzeile"/>
        <w:tabs>
          <w:tab w:val="left" w:pos="1973"/>
          <w:tab w:val="center" w:pos="4252"/>
        </w:tabs>
        <w:spacing w:before="0" w:after="0" w:line="240" w:lineRule="auto"/>
        <w:rPr>
          <w:rFonts w:ascii="Open Sans" w:hAnsi="Open Sans"/>
          <w:i w:val="0"/>
          <w:iCs w:val="0"/>
          <w:sz w:val="15"/>
          <w:szCs w:val="15"/>
        </w:rPr>
      </w:pPr>
    </w:p>
    <w:p w:rsidR="00D67CB4" w:rsidRDefault="00D67CB4" w:rsidP="00E50E6E">
      <w:pPr>
        <w:tabs>
          <w:tab w:val="left" w:pos="2552"/>
          <w:tab w:val="left" w:pos="4537"/>
          <w:tab w:val="left" w:pos="6804"/>
        </w:tabs>
        <w:jc w:val="both"/>
      </w:pPr>
    </w:p>
    <w:p w:rsidR="00E01AE6" w:rsidRDefault="00E01AE6" w:rsidP="00E50E6E">
      <w:pPr>
        <w:tabs>
          <w:tab w:val="left" w:pos="2552"/>
          <w:tab w:val="left" w:pos="4537"/>
          <w:tab w:val="left" w:pos="6804"/>
        </w:tabs>
        <w:jc w:val="both"/>
      </w:pPr>
    </w:p>
    <w:p w:rsidR="00E01AE6" w:rsidRDefault="00E01AE6" w:rsidP="00E50E6E">
      <w:pPr>
        <w:tabs>
          <w:tab w:val="left" w:pos="2552"/>
          <w:tab w:val="left" w:pos="4537"/>
          <w:tab w:val="left" w:pos="6804"/>
        </w:tabs>
        <w:jc w:val="both"/>
      </w:pPr>
    </w:p>
    <w:p w:rsidR="00E01AE6" w:rsidRPr="00E01AE6" w:rsidRDefault="00E01AE6" w:rsidP="00E50E6E">
      <w:pPr>
        <w:tabs>
          <w:tab w:val="left" w:pos="2552"/>
          <w:tab w:val="left" w:pos="4537"/>
          <w:tab w:val="left" w:pos="6804"/>
        </w:tabs>
        <w:jc w:val="both"/>
      </w:pPr>
    </w:p>
    <w:p w:rsidR="0030228F" w:rsidRDefault="0030228F" w:rsidP="0030228F">
      <w:pPr>
        <w:jc w:val="center"/>
        <w:rPr>
          <w:b/>
          <w:u w:val="single"/>
        </w:rPr>
      </w:pPr>
      <w:r w:rsidRPr="0030228F">
        <w:rPr>
          <w:b/>
          <w:u w:val="single"/>
        </w:rPr>
        <w:t>Formloser Antrag auf Verlängerung der Promotion</w:t>
      </w:r>
    </w:p>
    <w:p w:rsidR="00AE069B" w:rsidRDefault="00AE069B" w:rsidP="0030228F">
      <w:pPr>
        <w:jc w:val="center"/>
        <w:rPr>
          <w:b/>
          <w:u w:val="single"/>
        </w:rPr>
      </w:pPr>
    </w:p>
    <w:p w:rsidR="00AE069B" w:rsidRDefault="00AE069B" w:rsidP="0030228F">
      <w:pPr>
        <w:jc w:val="center"/>
        <w:rPr>
          <w:b/>
          <w:u w:val="single"/>
        </w:rPr>
      </w:pPr>
    </w:p>
    <w:p w:rsidR="0030228F" w:rsidRPr="0030228F" w:rsidRDefault="0030228F" w:rsidP="0030228F">
      <w:pPr>
        <w:jc w:val="center"/>
        <w:rPr>
          <w:b/>
          <w:u w:val="single"/>
        </w:rPr>
      </w:pPr>
    </w:p>
    <w:p w:rsidR="0030228F" w:rsidRPr="0030228F" w:rsidRDefault="0030228F" w:rsidP="0030228F"/>
    <w:p w:rsidR="0030228F" w:rsidRPr="0030228F" w:rsidRDefault="0030228F" w:rsidP="0030228F">
      <w:r w:rsidRPr="0030228F">
        <w:t>Hiermit beantrage ich formlos die Verlängerung me</w:t>
      </w:r>
      <w:r w:rsidR="00635567">
        <w:t xml:space="preserve">ines Promotionsvorhabens </w:t>
      </w:r>
      <w:r w:rsidRPr="0030228F">
        <w:t xml:space="preserve">um …. Jahr. </w:t>
      </w:r>
    </w:p>
    <w:p w:rsidR="0030228F" w:rsidRDefault="0030228F" w:rsidP="0030228F">
      <w:r w:rsidRPr="0030228F">
        <w:t xml:space="preserve">Name:  …. </w:t>
      </w:r>
    </w:p>
    <w:p w:rsidR="00C0364C" w:rsidRDefault="00C0364C" w:rsidP="0030228F"/>
    <w:p w:rsidR="00C0364C" w:rsidRPr="0030228F" w:rsidRDefault="00C0364C" w:rsidP="0030228F"/>
    <w:p w:rsidR="0030228F" w:rsidRDefault="0030228F" w:rsidP="0030228F">
      <w:r w:rsidRPr="0030228F">
        <w:t>Arbeitstitel des Promotionsvorhabens:</w:t>
      </w:r>
    </w:p>
    <w:p w:rsidR="00AE069B" w:rsidRDefault="00AE069B" w:rsidP="0030228F"/>
    <w:p w:rsidR="00AE069B" w:rsidRDefault="00AE069B" w:rsidP="0030228F"/>
    <w:p w:rsidR="0030228F" w:rsidRPr="0030228F" w:rsidRDefault="0030228F" w:rsidP="0030228F"/>
    <w:p w:rsidR="0030228F" w:rsidRPr="0030228F" w:rsidRDefault="0030228F" w:rsidP="0030228F"/>
    <w:p w:rsidR="0030228F" w:rsidRDefault="0030228F" w:rsidP="0030228F">
      <w:r w:rsidRPr="0030228F">
        <w:t xml:space="preserve">Betreuer: </w:t>
      </w:r>
    </w:p>
    <w:p w:rsidR="00C0364C" w:rsidRPr="0030228F" w:rsidRDefault="00C0364C" w:rsidP="0030228F"/>
    <w:p w:rsidR="0030228F" w:rsidRDefault="0030228F" w:rsidP="0030228F">
      <w:r w:rsidRPr="0030228F">
        <w:t xml:space="preserve">Die Verlängerung wird beantragt bis </w:t>
      </w:r>
      <w:proofErr w:type="gramStart"/>
      <w:r w:rsidRPr="0030228F">
        <w:t>zum:.</w:t>
      </w:r>
      <w:proofErr w:type="gramEnd"/>
    </w:p>
    <w:p w:rsidR="00C0364C" w:rsidRPr="0030228F" w:rsidRDefault="00C0364C" w:rsidP="0030228F">
      <w:bookmarkStart w:id="0" w:name="_GoBack"/>
      <w:bookmarkEnd w:id="0"/>
    </w:p>
    <w:p w:rsidR="0030228F" w:rsidRDefault="0030228F" w:rsidP="0030228F">
      <w:r w:rsidRPr="0030228F">
        <w:t xml:space="preserve">Es handelt sich um die ….  Verlängerung </w:t>
      </w:r>
    </w:p>
    <w:p w:rsidR="00AE069B" w:rsidRDefault="00AE069B" w:rsidP="0030228F"/>
    <w:p w:rsidR="00AE069B" w:rsidRDefault="00AE069B" w:rsidP="0030228F"/>
    <w:p w:rsidR="0030228F" w:rsidRPr="0030228F" w:rsidRDefault="0030228F" w:rsidP="0030228F"/>
    <w:p w:rsidR="0030228F" w:rsidRPr="0030228F" w:rsidRDefault="0030228F" w:rsidP="0030228F"/>
    <w:p w:rsidR="0030228F" w:rsidRPr="0030228F" w:rsidRDefault="0030228F" w:rsidP="0030228F">
      <w:r w:rsidRPr="0030228F">
        <w:t>Datum/Unterschrift Doktorand/in:</w:t>
      </w:r>
      <w:r w:rsidRPr="0030228F">
        <w:tab/>
        <w:t>--------------------------------------------------------</w:t>
      </w:r>
    </w:p>
    <w:p w:rsidR="0030228F" w:rsidRPr="0030228F" w:rsidRDefault="0030228F" w:rsidP="0030228F"/>
    <w:p w:rsidR="0030228F" w:rsidRPr="0030228F" w:rsidRDefault="0030228F" w:rsidP="0030228F">
      <w:r w:rsidRPr="0030228F">
        <w:t xml:space="preserve">Datum/Unterschrift Betreuer/in: </w:t>
      </w:r>
      <w:r w:rsidRPr="0030228F">
        <w:tab/>
        <w:t>---------------------------------------------------------</w:t>
      </w:r>
    </w:p>
    <w:p w:rsidR="0030228F" w:rsidRPr="0030228F" w:rsidRDefault="0030228F" w:rsidP="0030228F"/>
    <w:p w:rsidR="0030228F" w:rsidRPr="0030228F" w:rsidRDefault="0030228F" w:rsidP="0030228F"/>
    <w:p w:rsidR="0030228F" w:rsidRPr="0030228F" w:rsidRDefault="0030228F" w:rsidP="0030228F"/>
    <w:p w:rsidR="0030228F" w:rsidRPr="0030228F" w:rsidRDefault="0030228F" w:rsidP="0030228F"/>
    <w:p w:rsidR="0030228F" w:rsidRPr="0030228F" w:rsidRDefault="0030228F" w:rsidP="0030228F"/>
    <w:p w:rsidR="0030228F" w:rsidRPr="0030228F" w:rsidRDefault="0030228F" w:rsidP="0030228F"/>
    <w:p w:rsidR="0030228F" w:rsidRPr="0030228F" w:rsidRDefault="0030228F" w:rsidP="0030228F">
      <w:r w:rsidRPr="0030228F">
        <w:t xml:space="preserve">Der Promotionsausschuss hat die Verlängerung der Frist bis zum ___________genehmigt. </w:t>
      </w:r>
    </w:p>
    <w:p w:rsidR="0030228F" w:rsidRPr="0030228F" w:rsidRDefault="0030228F" w:rsidP="0030228F"/>
    <w:p w:rsidR="0030228F" w:rsidRPr="0030228F" w:rsidRDefault="0030228F" w:rsidP="0030228F"/>
    <w:p w:rsidR="00E01AE6" w:rsidRPr="0030228F" w:rsidRDefault="00E01AE6" w:rsidP="00E50E6E">
      <w:pPr>
        <w:tabs>
          <w:tab w:val="left" w:pos="2552"/>
          <w:tab w:val="left" w:pos="4537"/>
          <w:tab w:val="left" w:pos="6804"/>
        </w:tabs>
        <w:jc w:val="both"/>
      </w:pPr>
    </w:p>
    <w:sectPr w:rsidR="00E01AE6" w:rsidRPr="0030228F" w:rsidSect="0039288C">
      <w:headerReference w:type="first" r:id="rId7"/>
      <w:footerReference w:type="first" r:id="rId8"/>
      <w:pgSz w:w="11907" w:h="16840" w:code="9"/>
      <w:pgMar w:top="1985" w:right="1134" w:bottom="680" w:left="1701" w:header="737" w:footer="567" w:gutter="0"/>
      <w:cols w:space="709"/>
      <w:noEndnote/>
      <w:titlePg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91695" w:rsidRDefault="00AE069B">
      <w:r>
        <w:separator/>
      </w:r>
    </w:p>
  </w:endnote>
  <w:endnote w:type="continuationSeparator" w:id="0">
    <w:p w:rsidR="00291695" w:rsidRDefault="00AE069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Open Sans Light">
    <w:panose1 w:val="020B0306030504020204"/>
    <w:charset w:val="00"/>
    <w:family w:val="swiss"/>
    <w:pitch w:val="variable"/>
    <w:sig w:usb0="E00002EF" w:usb1="4000205B" w:usb2="00000028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Open Sans">
    <w:panose1 w:val="020B0606030504020204"/>
    <w:charset w:val="00"/>
    <w:family w:val="swiss"/>
    <w:pitch w:val="variable"/>
    <w:sig w:usb0="E00002EF" w:usb1="4000205B" w:usb2="00000028" w:usb3="00000000" w:csb0="0000019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Univers 45 Light">
    <w:charset w:val="00"/>
    <w:family w:val="auto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A6CF4" w:rsidRPr="001A184E" w:rsidRDefault="00E01AE6" w:rsidP="007A6CF4">
    <w:pPr>
      <w:pStyle w:val="Kopfzeile"/>
      <w:rPr>
        <w:sz w:val="10"/>
        <w:szCs w:val="10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62336" behindDoc="0" locked="0" layoutInCell="1" allowOverlap="1">
              <wp:simplePos x="0" y="0"/>
              <wp:positionH relativeFrom="column">
                <wp:posOffset>5227320</wp:posOffset>
              </wp:positionH>
              <wp:positionV relativeFrom="paragraph">
                <wp:posOffset>-17780</wp:posOffset>
              </wp:positionV>
              <wp:extent cx="782955" cy="1247775"/>
              <wp:effectExtent l="0" t="1270" r="0" b="0"/>
              <wp:wrapNone/>
              <wp:docPr id="1" name="Textfeld 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782955" cy="12477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7A6CF4" w:rsidRPr="00C84825" w:rsidRDefault="00E01AE6" w:rsidP="007A6CF4">
                          <w:pPr>
                            <w:rPr>
                              <w:sz w:val="4"/>
                              <w:szCs w:val="4"/>
                            </w:rPr>
                          </w:pPr>
                          <w:r>
                            <w:rPr>
                              <w:noProof/>
                              <w:sz w:val="4"/>
                              <w:szCs w:val="4"/>
                            </w:rPr>
                            <w:drawing>
                              <wp:inline distT="0" distB="0" distL="0" distR="0">
                                <wp:extent cx="409575" cy="809625"/>
                                <wp:effectExtent l="0" t="0" r="0" b="0"/>
                                <wp:docPr id="5" name="Grafik 1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Grafik 1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409575" cy="809625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3" o:spid="_x0000_s1027" type="#_x0000_t202" style="position:absolute;margin-left:411.6pt;margin-top:-1.4pt;width:61.65pt;height:98.25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" filled="f" stroked="f">
              <v:textbox>
                <w:txbxContent>
                  <w:p w:rsidR="007A6CF4" w:rsidRPr="00C84825" w:rsidRDefault="00E01AE6" w:rsidP="007A6CF4">
                    <w:pPr>
                      <w:rPr>
                        <w:sz w:val="4"/>
                        <w:szCs w:val="4"/>
                      </w:rPr>
                    </w:pPr>
                    <w:r>
                      <w:rPr>
                        <w:noProof/>
                        <w:sz w:val="4"/>
                        <w:szCs w:val="4"/>
                      </w:rPr>
                      <w:drawing>
                        <wp:inline distT="0" distB="0" distL="0" distR="0">
                          <wp:extent cx="409575" cy="809625"/>
                          <wp:effectExtent l="0" t="0" r="0" b="0"/>
                          <wp:docPr id="5" name="Grafik 1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Grafik 1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409575" cy="809625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</w:p>
  <w:tbl>
    <w:tblPr>
      <w:tblW w:w="4375" w:type="pct"/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3261"/>
      <w:gridCol w:w="2551"/>
      <w:gridCol w:w="2126"/>
    </w:tblGrid>
    <w:tr w:rsidR="00B3757C" w:rsidTr="00CA5EF9">
      <w:trPr>
        <w:trHeight w:val="1032"/>
      </w:trPr>
      <w:tc>
        <w:tcPr>
          <w:tcW w:w="3261" w:type="dxa"/>
          <w:shd w:val="clear" w:color="auto" w:fill="auto"/>
        </w:tcPr>
        <w:p w:rsidR="008C731F" w:rsidRPr="009A0848" w:rsidRDefault="00AE069B" w:rsidP="007A6CF4">
          <w:pPr>
            <w:pStyle w:val="FubereichStandard"/>
            <w:framePr w:hSpace="0" w:wrap="auto" w:vAnchor="margin" w:hAnchor="text" w:yAlign="inline"/>
            <w:suppressOverlap w:val="0"/>
            <w:rPr>
              <w:rStyle w:val="Kursiv"/>
            </w:rPr>
          </w:pPr>
          <w:r w:rsidRPr="009A0848">
            <w:rPr>
              <w:rStyle w:val="Kursiv"/>
            </w:rPr>
            <w:t>Postadresse (Briefe)</w:t>
          </w:r>
        </w:p>
        <w:p w:rsidR="008C731F" w:rsidRPr="00FE19B7" w:rsidRDefault="00AE069B" w:rsidP="007A6CF4">
          <w:pPr>
            <w:pStyle w:val="FubereichStandard"/>
            <w:framePr w:hSpace="0" w:wrap="auto" w:vAnchor="margin" w:hAnchor="text" w:yAlign="inline"/>
            <w:suppressOverlap w:val="0"/>
            <w:rPr>
              <w:rStyle w:val="Kursiv"/>
              <w:i w:val="0"/>
            </w:rPr>
          </w:pPr>
          <w:r w:rsidRPr="00FE19B7">
            <w:rPr>
              <w:rStyle w:val="Kursiv"/>
              <w:i w:val="0"/>
            </w:rPr>
            <w:t>TU Dresden</w:t>
          </w:r>
        </w:p>
        <w:p w:rsidR="008C731F" w:rsidRDefault="00AE069B" w:rsidP="007A6CF4">
          <w:pPr>
            <w:pStyle w:val="FubereichStandard"/>
            <w:framePr w:hSpace="0" w:wrap="auto" w:vAnchor="margin" w:hAnchor="text" w:yAlign="inline"/>
            <w:suppressOverlap w:val="0"/>
            <w:rPr>
              <w:rStyle w:val="Kursiv"/>
              <w:i w:val="0"/>
            </w:rPr>
          </w:pPr>
          <w:r>
            <w:rPr>
              <w:rStyle w:val="Kursiv"/>
              <w:i w:val="0"/>
            </w:rPr>
            <w:t>Medizinische Fakultät Carl Gustav Carus</w:t>
          </w:r>
        </w:p>
        <w:p w:rsidR="00102A72" w:rsidRDefault="00AE069B" w:rsidP="007A6CF4">
          <w:pPr>
            <w:pStyle w:val="FubereichStandard"/>
            <w:framePr w:hSpace="0" w:wrap="auto" w:vAnchor="margin" w:hAnchor="text" w:yAlign="inline"/>
            <w:suppressOverlap w:val="0"/>
            <w:rPr>
              <w:rStyle w:val="Kursiv"/>
              <w:i w:val="0"/>
            </w:rPr>
          </w:pPr>
          <w:r>
            <w:rPr>
              <w:rStyle w:val="Kursiv"/>
              <w:i w:val="0"/>
            </w:rPr>
            <w:t>Dekanat / PF 109</w:t>
          </w:r>
        </w:p>
        <w:p w:rsidR="00102A72" w:rsidRDefault="00AE069B" w:rsidP="00102A72">
          <w:pPr>
            <w:pStyle w:val="FubereichStandard"/>
            <w:framePr w:wrap="around"/>
          </w:pPr>
          <w:proofErr w:type="spellStart"/>
          <w:r>
            <w:t>Fetscherstraße</w:t>
          </w:r>
          <w:proofErr w:type="spellEnd"/>
          <w:r>
            <w:t xml:space="preserve"> 74</w:t>
          </w:r>
        </w:p>
        <w:p w:rsidR="00102A72" w:rsidRDefault="00AE069B" w:rsidP="00102A72">
          <w:pPr>
            <w:pStyle w:val="FubereichStandard"/>
            <w:framePr w:hSpace="0" w:wrap="auto" w:vAnchor="margin" w:hAnchor="text" w:yAlign="inline"/>
            <w:suppressOverlap w:val="0"/>
          </w:pPr>
          <w:r>
            <w:t>01307 Dresden</w:t>
          </w:r>
        </w:p>
      </w:tc>
      <w:tc>
        <w:tcPr>
          <w:tcW w:w="2551" w:type="dxa"/>
          <w:shd w:val="clear" w:color="auto" w:fill="auto"/>
        </w:tcPr>
        <w:p w:rsidR="008C731F" w:rsidRPr="00493FD8" w:rsidRDefault="00AE069B" w:rsidP="007A6CF4">
          <w:pPr>
            <w:pStyle w:val="FubereichStandard"/>
            <w:framePr w:hSpace="0" w:wrap="auto" w:vAnchor="margin" w:hAnchor="text" w:yAlign="inline"/>
            <w:ind w:right="-94"/>
            <w:suppressOverlap w:val="0"/>
            <w:rPr>
              <w:i/>
              <w:noProof/>
              <w:lang w:eastAsia="de-DE"/>
            </w:rPr>
          </w:pPr>
          <w:r w:rsidRPr="00493FD8">
            <w:rPr>
              <w:i/>
              <w:noProof/>
              <w:lang w:eastAsia="de-DE"/>
            </w:rPr>
            <w:t>Besucheradresse</w:t>
          </w:r>
        </w:p>
        <w:p w:rsidR="00D16F89" w:rsidRDefault="00AE069B" w:rsidP="00DC4611">
          <w:pPr>
            <w:pStyle w:val="FubereichStandard"/>
            <w:framePr w:wrap="around"/>
            <w:ind w:right="-94"/>
          </w:pPr>
          <w:proofErr w:type="spellStart"/>
          <w:r>
            <w:t>Fiedlerstraße</w:t>
          </w:r>
          <w:proofErr w:type="spellEnd"/>
          <w:r>
            <w:t xml:space="preserve"> 27 </w:t>
          </w:r>
        </w:p>
        <w:p w:rsidR="008C731F" w:rsidRDefault="00D16F89" w:rsidP="00DC4611">
          <w:pPr>
            <w:pStyle w:val="FubereichStandard"/>
            <w:framePr w:wrap="around"/>
            <w:ind w:right="-94"/>
            <w:rPr>
              <w:noProof/>
              <w:lang w:eastAsia="de-DE"/>
            </w:rPr>
          </w:pPr>
          <w:r>
            <w:rPr>
              <w:noProof/>
              <w:lang w:eastAsia="de-DE"/>
            </w:rPr>
            <w:t>Referat Forschung, Haus 40</w:t>
          </w:r>
        </w:p>
        <w:p w:rsidR="008C731F" w:rsidRPr="00493FD8" w:rsidRDefault="00D16F89" w:rsidP="00DC4611">
          <w:pPr>
            <w:pStyle w:val="FubereichStandard"/>
            <w:framePr w:hSpace="0" w:wrap="auto" w:vAnchor="margin" w:hAnchor="text" w:yAlign="inline"/>
            <w:ind w:right="-94"/>
            <w:suppressOverlap w:val="0"/>
            <w:rPr>
              <w:i/>
              <w:noProof/>
              <w:lang w:eastAsia="de-DE"/>
            </w:rPr>
          </w:pPr>
          <w:r>
            <w:rPr>
              <w:noProof/>
              <w:lang w:eastAsia="de-DE"/>
            </w:rPr>
            <w:t>01307</w:t>
          </w:r>
          <w:r w:rsidR="00AE069B">
            <w:rPr>
              <w:noProof/>
              <w:lang w:eastAsia="de-DE"/>
            </w:rPr>
            <w:t xml:space="preserve"> Dresden</w:t>
          </w:r>
        </w:p>
      </w:tc>
      <w:tc>
        <w:tcPr>
          <w:tcW w:w="2126" w:type="dxa"/>
          <w:shd w:val="clear" w:color="auto" w:fill="auto"/>
        </w:tcPr>
        <w:p w:rsidR="008C731F" w:rsidRPr="00DB7E6A" w:rsidRDefault="00AE069B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  <w:rPr>
              <w:rStyle w:val="Kursiv"/>
              <w:szCs w:val="12"/>
            </w:rPr>
          </w:pPr>
          <w:r w:rsidRPr="00DB7E6A">
            <w:rPr>
              <w:rStyle w:val="Kursiv"/>
              <w:szCs w:val="12"/>
            </w:rPr>
            <w:t>Internet</w:t>
          </w:r>
        </w:p>
        <w:p w:rsidR="008C731F" w:rsidRPr="00D16F89" w:rsidRDefault="00C0364C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  <w:rPr>
              <w:rStyle w:val="Hyperlink"/>
              <w:color w:val="auto"/>
              <w:szCs w:val="12"/>
            </w:rPr>
          </w:pPr>
          <w:hyperlink r:id="rId3" w:history="1">
            <w:r w:rsidR="00D16F89" w:rsidRPr="00AB3F87">
              <w:rPr>
                <w:rStyle w:val="Hyperlink"/>
                <w:szCs w:val="12"/>
              </w:rPr>
              <w:t>https://tu-dresden.de/</w:t>
            </w:r>
            <w:bookmarkStart w:id="1" w:name="_Hlt11684615"/>
            <w:bookmarkStart w:id="2" w:name="_Hlt11684616"/>
            <w:r w:rsidR="00D16F89" w:rsidRPr="00AB3F87">
              <w:rPr>
                <w:rStyle w:val="Hyperlink"/>
                <w:szCs w:val="12"/>
              </w:rPr>
              <w:t>m</w:t>
            </w:r>
            <w:bookmarkEnd w:id="1"/>
            <w:bookmarkEnd w:id="2"/>
            <w:r w:rsidR="00D16F89" w:rsidRPr="00AB3F87">
              <w:rPr>
                <w:rStyle w:val="Hyperlink"/>
                <w:szCs w:val="12"/>
              </w:rPr>
              <w:t>ed</w:t>
            </w:r>
          </w:hyperlink>
        </w:p>
        <w:p w:rsidR="008C731F" w:rsidRPr="00FE19B7" w:rsidRDefault="00AE069B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  <w:rPr>
              <w:rStyle w:val="Kursiv"/>
              <w:i w:val="0"/>
              <w:szCs w:val="12"/>
            </w:rPr>
          </w:pPr>
          <w:r w:rsidRPr="00FE19B7">
            <w:rPr>
              <w:rStyle w:val="Kursiv"/>
              <w:i w:val="0"/>
              <w:szCs w:val="12"/>
            </w:rPr>
            <w:t>*Kein Zugang für elektronisch</w:t>
          </w:r>
        </w:p>
        <w:p w:rsidR="008C731F" w:rsidRPr="00FE19B7" w:rsidRDefault="00AE069B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  <w:rPr>
              <w:rStyle w:val="Kursiv"/>
              <w:i w:val="0"/>
              <w:szCs w:val="12"/>
            </w:rPr>
          </w:pPr>
          <w:r w:rsidRPr="00FE19B7">
            <w:rPr>
              <w:rStyle w:val="Kursiv"/>
              <w:i w:val="0"/>
              <w:szCs w:val="12"/>
            </w:rPr>
            <w:t>signierte und verschlüsselte</w:t>
          </w:r>
        </w:p>
        <w:p w:rsidR="008C731F" w:rsidRDefault="00AE069B" w:rsidP="007A6CF4">
          <w:pPr>
            <w:pStyle w:val="FubereichStandard"/>
            <w:framePr w:hSpace="0" w:wrap="auto" w:vAnchor="margin" w:hAnchor="text" w:yAlign="inline"/>
            <w:ind w:right="-107"/>
            <w:suppressOverlap w:val="0"/>
          </w:pPr>
          <w:r w:rsidRPr="00FE19B7">
            <w:rPr>
              <w:rStyle w:val="Kursiv"/>
              <w:i w:val="0"/>
              <w:szCs w:val="12"/>
            </w:rPr>
            <w:t>elektronische Dokumente</w:t>
          </w:r>
          <w:r w:rsidRPr="00FE19B7">
            <w:rPr>
              <w:rStyle w:val="Kursiv"/>
              <w:i w:val="0"/>
            </w:rPr>
            <w:t>.</w:t>
          </w:r>
        </w:p>
      </w:tc>
    </w:tr>
  </w:tbl>
  <w:p w:rsidR="002656EA" w:rsidRPr="002656EA" w:rsidRDefault="002656EA" w:rsidP="002656EA">
    <w:pPr>
      <w:pStyle w:val="Kopfzeile"/>
      <w:rPr>
        <w:sz w:val="4"/>
        <w:szCs w:val="4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91695" w:rsidRDefault="00AE069B">
      <w:r>
        <w:separator/>
      </w:r>
    </w:p>
  </w:footnote>
  <w:footnote w:type="continuationSeparator" w:id="0">
    <w:p w:rsidR="00291695" w:rsidRDefault="00AE069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A6CF4" w:rsidRDefault="00E01AE6" w:rsidP="0039288C">
    <w:pPr>
      <w:pStyle w:val="Kopfzeile"/>
      <w:tabs>
        <w:tab w:val="clear" w:pos="4536"/>
        <w:tab w:val="clear" w:pos="9072"/>
        <w:tab w:val="left" w:pos="0"/>
        <w:tab w:val="right" w:pos="6734"/>
      </w:tabs>
    </w:pPr>
    <w:r>
      <w:rPr>
        <w:noProof/>
      </w:rPr>
      <w:drawing>
        <wp:anchor distT="0" distB="0" distL="114300" distR="114300" simplePos="0" relativeHeight="251663360" behindDoc="1" locked="0" layoutInCell="1" allowOverlap="1">
          <wp:simplePos x="0" y="0"/>
          <wp:positionH relativeFrom="column">
            <wp:posOffset>5126990</wp:posOffset>
          </wp:positionH>
          <wp:positionV relativeFrom="paragraph">
            <wp:posOffset>-34290</wp:posOffset>
          </wp:positionV>
          <wp:extent cx="612140" cy="612140"/>
          <wp:effectExtent l="0" t="0" r="0" b="0"/>
          <wp:wrapNone/>
          <wp:docPr id="1025" name="Grafik 1" descr="C:\Users\s2540595\Desktop\Logo_Carus_sw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1" descr="C:\Users\s2540595\Desktop\Logo_Carus_sw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12140" cy="61214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noProof/>
      </w:rPr>
      <mc:AlternateContent>
        <mc:Choice Requires="wps">
          <w:drawing>
            <wp:anchor distT="0" distB="0" distL="114300" distR="114300" simplePos="0" relativeHeight="251658240" behindDoc="1" locked="1" layoutInCell="0" allowOverlap="1">
              <wp:simplePos x="0" y="0"/>
              <wp:positionH relativeFrom="page">
                <wp:posOffset>1080135</wp:posOffset>
              </wp:positionH>
              <wp:positionV relativeFrom="page">
                <wp:posOffset>1259840</wp:posOffset>
              </wp:positionV>
              <wp:extent cx="5759450" cy="0"/>
              <wp:effectExtent l="13335" t="12065" r="8890" b="6985"/>
              <wp:wrapNone/>
              <wp:docPr id="4" name="Freihandform 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5759450" cy="0"/>
                      </a:xfrm>
                      <a:custGeom>
                        <a:avLst/>
                        <a:gdLst>
                          <a:gd name="T0" fmla="*/ 0 w 8504"/>
                          <a:gd name="T1" fmla="*/ 5759450 w 8504"/>
                          <a:gd name="T2" fmla="*/ 0 60000 65536"/>
                          <a:gd name="T3" fmla="*/ 0 60000 65536"/>
                        </a:gdLst>
                        <a:ahLst/>
                        <a:cxnLst>
                          <a:cxn ang="T2">
                            <a:pos x="T0" y="0"/>
                          </a:cxn>
                          <a:cxn ang="T3">
                            <a:pos x="T1" y="0"/>
                          </a:cxn>
                        </a:cxnLst>
                        <a:rect l="0" t="0" r="r" b="b"/>
                        <a:pathLst>
                          <a:path w="8504">
                            <a:moveTo>
                              <a:pt x="0" y="0"/>
                            </a:moveTo>
                            <a:lnTo>
                              <a:pt x="8504" y="0"/>
                            </a:lnTo>
                          </a:path>
                        </a:pathLst>
                      </a:custGeom>
                      <a:noFill/>
                      <a:ln w="6350">
                        <a:solidFill>
                          <a:srgbClr val="110D08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7F8D0351" id="Freihandform 6" o:spid="_x0000_s1026" style="position:absolute;margin-left:85.05pt;margin-top:99.2pt;width:453.5pt;height:0;z-index:-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coordsize="8504,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" o:allowincell="f" path="m,l8504,e" filled="f" strokecolor="#110d08" strokeweight=".5pt">
              <v:path arrowok="t" o:connecttype="custom" o:connectlocs="0,0;2147483646,0" o:connectangles="0,0"/>
              <w10:wrap anchorx="page" anchory="page"/>
              <w10:anchorlock/>
            </v:shape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59264" behindDoc="1" locked="1" layoutInCell="0" allowOverlap="1">
              <wp:simplePos x="0" y="0"/>
              <wp:positionH relativeFrom="margin">
                <wp:posOffset>0</wp:posOffset>
              </wp:positionH>
              <wp:positionV relativeFrom="page">
                <wp:posOffset>1439545</wp:posOffset>
              </wp:positionV>
              <wp:extent cx="5759450" cy="0"/>
              <wp:effectExtent l="9525" t="10795" r="12700" b="8255"/>
              <wp:wrapNone/>
              <wp:docPr id="3" name="Freihandform 5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5759450" cy="0"/>
                      </a:xfrm>
                      <a:custGeom>
                        <a:avLst/>
                        <a:gdLst>
                          <a:gd name="T0" fmla="*/ 0 w 8504"/>
                          <a:gd name="T1" fmla="*/ 5759450 w 8504"/>
                          <a:gd name="T2" fmla="*/ 0 60000 65536"/>
                          <a:gd name="T3" fmla="*/ 0 60000 65536"/>
                        </a:gdLst>
                        <a:ahLst/>
                        <a:cxnLst>
                          <a:cxn ang="T2">
                            <a:pos x="T0" y="0"/>
                          </a:cxn>
                          <a:cxn ang="T3">
                            <a:pos x="T1" y="0"/>
                          </a:cxn>
                        </a:cxnLst>
                        <a:rect l="0" t="0" r="r" b="b"/>
                        <a:pathLst>
                          <a:path w="8504">
                            <a:moveTo>
                              <a:pt x="0" y="0"/>
                            </a:moveTo>
                            <a:lnTo>
                              <a:pt x="8504" y="0"/>
                            </a:lnTo>
                          </a:path>
                        </a:pathLst>
                      </a:custGeom>
                      <a:noFill/>
                      <a:ln w="6350">
                        <a:solidFill>
                          <a:srgbClr val="110D08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0DF67482" id="Freihandform 5" o:spid="_x0000_s1026" style="position:absolute;margin-left:0;margin-top:113.35pt;width:453.5pt;height:0;z-index:-2516572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page;mso-height-relative:page;v-text-anchor:top" coordsize="8504,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" o:allowincell="f" path="m,l8504,e" filled="f" strokecolor="#110d08" strokeweight=".5pt">
              <v:path arrowok="t" o:connecttype="custom" o:connectlocs="0,0;2147483646,0" o:connectangles="0,0"/>
              <w10:wrap anchorx="margin" anchory="page"/>
              <w10:anchorlock/>
            </v:shape>
          </w:pict>
        </mc:Fallback>
      </mc:AlternateContent>
    </w:r>
    <w:r>
      <w:rPr>
        <w:noProof/>
      </w:rPr>
      <w:drawing>
        <wp:anchor distT="0" distB="0" distL="114300" distR="126746" simplePos="0" relativeHeight="251660288" behindDoc="1" locked="1" layoutInCell="1" allowOverlap="0">
          <wp:simplePos x="0" y="0"/>
          <wp:positionH relativeFrom="page">
            <wp:posOffset>399415</wp:posOffset>
          </wp:positionH>
          <wp:positionV relativeFrom="page">
            <wp:posOffset>503555</wp:posOffset>
          </wp:positionV>
          <wp:extent cx="2060575" cy="597535"/>
          <wp:effectExtent l="0" t="0" r="0" b="0"/>
          <wp:wrapTight wrapText="bothSides">
            <wp:wrapPolygon edited="0">
              <wp:start x="0" y="0"/>
              <wp:lineTo x="0" y="20659"/>
              <wp:lineTo x="21367" y="20659"/>
              <wp:lineTo x="21367" y="0"/>
              <wp:lineTo x="0" y="0"/>
            </wp:wrapPolygon>
          </wp:wrapTight>
          <wp:docPr id="1028" name="Grafik 35" descr="Titel: Logo der TU Dresden - Beschreibung: achteckige Schraube mit Schriftzug Technische Universität Dresd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35" descr="Titel: Logo der TU Dresden - Beschreibung: achteckige Schraube mit Schriftzug Technische Universität Dresden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060575" cy="597535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7A6CF4" w:rsidRDefault="007A6CF4" w:rsidP="007A6CF4">
    <w:pPr>
      <w:pStyle w:val="Kopfzeile"/>
      <w:tabs>
        <w:tab w:val="clear" w:pos="4536"/>
        <w:tab w:val="clear" w:pos="9072"/>
        <w:tab w:val="left" w:pos="3478"/>
      </w:tabs>
    </w:pPr>
  </w:p>
  <w:p w:rsidR="007A6CF4" w:rsidRDefault="007A6CF4" w:rsidP="007A6CF4">
    <w:pPr>
      <w:pStyle w:val="Kopfzeile"/>
    </w:pPr>
  </w:p>
  <w:p w:rsidR="007A6CF4" w:rsidRPr="006F183E" w:rsidRDefault="007A6CF4" w:rsidP="007A6CF4">
    <w:pPr>
      <w:pStyle w:val="Kopfzeile"/>
    </w:pPr>
  </w:p>
  <w:p w:rsidR="007A6CF4" w:rsidRDefault="00E01AE6" w:rsidP="007A6CF4">
    <w:pPr>
      <w:pStyle w:val="Kopfzeile"/>
      <w:tabs>
        <w:tab w:val="clear" w:pos="4536"/>
        <w:tab w:val="clear" w:pos="9072"/>
        <w:tab w:val="left" w:pos="347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61312" behindDoc="0" locked="0" layoutInCell="0" allowOverlap="1">
              <wp:simplePos x="0" y="0"/>
              <wp:positionH relativeFrom="margin">
                <wp:posOffset>-1905</wp:posOffset>
              </wp:positionH>
              <wp:positionV relativeFrom="page">
                <wp:posOffset>1242060</wp:posOffset>
              </wp:positionV>
              <wp:extent cx="5654040" cy="179070"/>
              <wp:effectExtent l="0" t="3810" r="0" b="0"/>
              <wp:wrapNone/>
              <wp:docPr id="2" name="Textfeld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5654040" cy="17907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7A6CF4" w:rsidRPr="00D25337" w:rsidRDefault="00D25337" w:rsidP="00A738EE">
                          <w:pPr>
                            <w:pStyle w:val="tud-brieffakultten-leiste"/>
                            <w:rPr>
                              <w:rFonts w:ascii="Open Sans" w:hAnsi="Open Sans"/>
                              <w:bCs/>
                              <w:color w:val="717776"/>
                            </w:rPr>
                          </w:pPr>
                          <w:r>
                            <w:rPr>
                              <w:rFonts w:ascii="Open Sans" w:hAnsi="Open Sans"/>
                              <w:b/>
                              <w:bCs/>
                              <w:color w:val="717776"/>
                            </w:rPr>
                            <w:t>Medizini</w:t>
                          </w:r>
                          <w:r w:rsidR="00644695">
                            <w:rPr>
                              <w:rFonts w:ascii="Open Sans" w:hAnsi="Open Sans"/>
                              <w:b/>
                              <w:bCs/>
                              <w:color w:val="717776"/>
                            </w:rPr>
                            <w:t>sche Fakultät Carl Gustav Carus</w:t>
                          </w:r>
                          <w:r>
                            <w:rPr>
                              <w:rFonts w:ascii="Open Sans" w:hAnsi="Open Sans"/>
                              <w:b/>
                              <w:bCs/>
                              <w:color w:val="717776"/>
                            </w:rPr>
                            <w:t xml:space="preserve"> </w:t>
                          </w:r>
                          <w:r>
                            <w:rPr>
                              <w:rFonts w:ascii="Open Sans" w:hAnsi="Open Sans"/>
                              <w:bCs/>
                              <w:color w:val="717776"/>
                            </w:rPr>
                            <w:t>Referat Forschung</w:t>
                          </w:r>
                        </w:p>
                        <w:p w:rsidR="007A6CF4" w:rsidRPr="00A63732" w:rsidRDefault="007A6CF4" w:rsidP="007A6CF4">
                          <w:pPr>
                            <w:pStyle w:val="tud-brieffakultten-leiste"/>
                            <w:rPr>
                              <w:rFonts w:ascii="Open Sans" w:hAnsi="Open Sans"/>
                              <w:b/>
                              <w:bCs/>
                              <w:color w:val="717776"/>
                            </w:rPr>
                          </w:pP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4" o:spid="_x0000_s1026" type="#_x0000_t202" style="position:absolute;margin-left:-.15pt;margin-top:97.8pt;width:445.2pt;height:14.1pt;z-index:25166131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" o:allowincell="f" filled="f" stroked="f">
              <v:textbox inset="0,0,0,0">
                <w:txbxContent>
                  <w:p w:rsidR="007A6CF4" w:rsidRPr="00D25337" w:rsidRDefault="00D25337" w:rsidP="00A738EE">
                    <w:pPr>
                      <w:pStyle w:val="tud-brieffakultten-leiste"/>
                      <w:rPr>
                        <w:rFonts w:ascii="Open Sans" w:hAnsi="Open Sans"/>
                        <w:bCs/>
                        <w:color w:val="717776"/>
                      </w:rPr>
                    </w:pPr>
                    <w:r>
                      <w:rPr>
                        <w:rFonts w:ascii="Open Sans" w:hAnsi="Open Sans"/>
                        <w:b/>
                        <w:bCs/>
                        <w:color w:val="717776"/>
                      </w:rPr>
                      <w:t>Medizini</w:t>
                    </w:r>
                    <w:r w:rsidR="00644695">
                      <w:rPr>
                        <w:rFonts w:ascii="Open Sans" w:hAnsi="Open Sans"/>
                        <w:b/>
                        <w:bCs/>
                        <w:color w:val="717776"/>
                      </w:rPr>
                      <w:t>sche Fakultät Carl Gustav Carus</w:t>
                    </w:r>
                    <w:r>
                      <w:rPr>
                        <w:rFonts w:ascii="Open Sans" w:hAnsi="Open Sans"/>
                        <w:b/>
                        <w:bCs/>
                        <w:color w:val="717776"/>
                      </w:rPr>
                      <w:t xml:space="preserve"> </w:t>
                    </w:r>
                    <w:r>
                      <w:rPr>
                        <w:rFonts w:ascii="Open Sans" w:hAnsi="Open Sans"/>
                        <w:bCs/>
                        <w:color w:val="717776"/>
                      </w:rPr>
                      <w:t>Referat Forschung</w:t>
                    </w:r>
                  </w:p>
                  <w:p w:rsidR="007A6CF4" w:rsidRPr="00A63732" w:rsidRDefault="007A6CF4" w:rsidP="007A6CF4">
                    <w:pPr>
                      <w:pStyle w:val="tud-brieffakultten-leiste"/>
                      <w:rPr>
                        <w:rFonts w:ascii="Open Sans" w:hAnsi="Open Sans"/>
                        <w:b/>
                        <w:bCs/>
                        <w:color w:val="717776"/>
                      </w:rPr>
                    </w:pPr>
                  </w:p>
                </w:txbxContent>
              </v:textbox>
              <w10:wrap anchorx="margin" anchory="page"/>
            </v:shap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0E4EF6"/>
    <w:multiLevelType w:val="hybridMultilevel"/>
    <w:tmpl w:val="D7E29812"/>
    <w:lvl w:ilvl="0" w:tplc="5F8CD36E">
      <w:numFmt w:val="bullet"/>
      <w:lvlText w:val="-"/>
      <w:lvlJc w:val="left"/>
      <w:pPr>
        <w:ind w:left="720" w:hanging="360"/>
      </w:pPr>
      <w:rPr>
        <w:rFonts w:ascii="Open Sans Light" w:eastAsia="Times New Roman" w:hAnsi="Open Sans Light" w:cs="Open Sans Light" w:hint="default"/>
      </w:rPr>
    </w:lvl>
    <w:lvl w:ilvl="1" w:tplc="9ACC031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EB4615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750B96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4C2FEE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272B35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BFAA37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C9406E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A0C3D8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hdrShapeDefaults>
    <o:shapedefaults v:ext="edit" spidmax="3074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738EE"/>
    <w:rsid w:val="0001215D"/>
    <w:rsid w:val="0005744B"/>
    <w:rsid w:val="000863CB"/>
    <w:rsid w:val="00102A72"/>
    <w:rsid w:val="00191C90"/>
    <w:rsid w:val="001974B1"/>
    <w:rsid w:val="001A184E"/>
    <w:rsid w:val="001A4AF3"/>
    <w:rsid w:val="001B026E"/>
    <w:rsid w:val="001D223D"/>
    <w:rsid w:val="001D7C4A"/>
    <w:rsid w:val="001E5F03"/>
    <w:rsid w:val="001E6189"/>
    <w:rsid w:val="002656EA"/>
    <w:rsid w:val="00291695"/>
    <w:rsid w:val="0030228F"/>
    <w:rsid w:val="00322815"/>
    <w:rsid w:val="0039288C"/>
    <w:rsid w:val="003C32FB"/>
    <w:rsid w:val="00493FD8"/>
    <w:rsid w:val="004D588A"/>
    <w:rsid w:val="00501A46"/>
    <w:rsid w:val="0052245A"/>
    <w:rsid w:val="005727DB"/>
    <w:rsid w:val="00635567"/>
    <w:rsid w:val="00644695"/>
    <w:rsid w:val="00663396"/>
    <w:rsid w:val="00680E24"/>
    <w:rsid w:val="006E5A24"/>
    <w:rsid w:val="006F183E"/>
    <w:rsid w:val="00725EE4"/>
    <w:rsid w:val="00727162"/>
    <w:rsid w:val="007367E6"/>
    <w:rsid w:val="007A6CF4"/>
    <w:rsid w:val="007D6592"/>
    <w:rsid w:val="007E3085"/>
    <w:rsid w:val="00892B07"/>
    <w:rsid w:val="008C731F"/>
    <w:rsid w:val="00992E55"/>
    <w:rsid w:val="009A0848"/>
    <w:rsid w:val="009C028B"/>
    <w:rsid w:val="009E0A4B"/>
    <w:rsid w:val="009E55CB"/>
    <w:rsid w:val="00A2162B"/>
    <w:rsid w:val="00A63732"/>
    <w:rsid w:val="00A738EE"/>
    <w:rsid w:val="00AB3F87"/>
    <w:rsid w:val="00AC053A"/>
    <w:rsid w:val="00AE069B"/>
    <w:rsid w:val="00B22C14"/>
    <w:rsid w:val="00B3757C"/>
    <w:rsid w:val="00B5112A"/>
    <w:rsid w:val="00B703B7"/>
    <w:rsid w:val="00BC1066"/>
    <w:rsid w:val="00C0364C"/>
    <w:rsid w:val="00C25E8D"/>
    <w:rsid w:val="00C35B0D"/>
    <w:rsid w:val="00C5540E"/>
    <w:rsid w:val="00C84825"/>
    <w:rsid w:val="00CA5EF9"/>
    <w:rsid w:val="00D16F89"/>
    <w:rsid w:val="00D25337"/>
    <w:rsid w:val="00D67CB4"/>
    <w:rsid w:val="00D77E3B"/>
    <w:rsid w:val="00D81265"/>
    <w:rsid w:val="00D95A70"/>
    <w:rsid w:val="00DB7E6A"/>
    <w:rsid w:val="00DC4611"/>
    <w:rsid w:val="00DF3B60"/>
    <w:rsid w:val="00E01AE6"/>
    <w:rsid w:val="00E446CD"/>
    <w:rsid w:val="00E50E6E"/>
    <w:rsid w:val="00E548F3"/>
    <w:rsid w:val="00E64F27"/>
    <w:rsid w:val="00E651BB"/>
    <w:rsid w:val="00E70BBD"/>
    <w:rsid w:val="00E870E1"/>
    <w:rsid w:val="00F028AD"/>
    <w:rsid w:val="00F64EA6"/>
    <w:rsid w:val="00FE19B7"/>
    <w:rsid w:val="00FF5C2E"/>
  </w:rsids>
  <m:mathPr>
    <m:mathFont m:val="Cambria Math"/>
    <m:brkBin m:val="before"/>
    <m:brkBinSub m:val="--"/>
    <m:smallFrac m:val="0"/>
    <m:dispDef/>
    <m:lMargin m:val="0"/>
    <m:rMargin m:val="0"/>
    <m:defJc m:val="centerGroup"/>
    <m:wrapRight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3"/>
    </o:shapelayout>
  </w:shapeDefaults>
  <w:decimalSymbol w:val=","/>
  <w:listSeparator w:val=";"/>
  <w14:docId w14:val="4D1AC3D7"/>
  <w15:docId w15:val="{DE23B86B-7D8D-437F-BBE7-8AD338303EE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Open Sans" w:eastAsia="Calibri" w:hAnsi="Open Sans" w:cs="Open Sans"/>
        <w:lang w:val="de-DE" w:eastAsia="de-DE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A738EE"/>
    <w:pPr>
      <w:autoSpaceDE w:val="0"/>
      <w:autoSpaceDN w:val="0"/>
    </w:pPr>
    <w:rPr>
      <w:rFonts w:eastAsia="Times New Roman"/>
      <w:spacing w:val="4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tud-brieftextgross">
    <w:name w:val="tud-brief_text gross"/>
    <w:basedOn w:val="Standard"/>
    <w:rsid w:val="00A738EE"/>
    <w:pPr>
      <w:widowControl w:val="0"/>
      <w:spacing w:line="280" w:lineRule="exact"/>
    </w:pPr>
    <w:rPr>
      <w:rFonts w:ascii="Arial" w:hAnsi="Arial"/>
      <w:sz w:val="22"/>
      <w:szCs w:val="22"/>
    </w:rPr>
  </w:style>
  <w:style w:type="paragraph" w:customStyle="1" w:styleId="tud-brieffakultten-leiste">
    <w:name w:val="tud-brief_fakultäten-leiste"/>
    <w:basedOn w:val="Standard"/>
    <w:rsid w:val="00A738EE"/>
    <w:pPr>
      <w:widowControl w:val="0"/>
      <w:spacing w:line="280" w:lineRule="exact"/>
    </w:pPr>
    <w:rPr>
      <w:rFonts w:ascii="Arial" w:hAnsi="Arial"/>
      <w:w w:val="101"/>
      <w:sz w:val="18"/>
      <w:szCs w:val="18"/>
    </w:rPr>
  </w:style>
  <w:style w:type="paragraph" w:styleId="Kopfzeile">
    <w:name w:val="header"/>
    <w:basedOn w:val="Standard"/>
    <w:link w:val="KopfzeileZchn"/>
    <w:rsid w:val="00A738EE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rsid w:val="00A738EE"/>
    <w:rPr>
      <w:rFonts w:eastAsia="Times New Roman"/>
      <w:spacing w:val="4"/>
      <w:sz w:val="20"/>
      <w:lang w:eastAsia="de-DE"/>
    </w:rPr>
  </w:style>
  <w:style w:type="paragraph" w:styleId="Fuzeile">
    <w:name w:val="footer"/>
    <w:basedOn w:val="Standard"/>
    <w:link w:val="FuzeileZchn"/>
    <w:rsid w:val="00A738EE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rsid w:val="00A738EE"/>
    <w:rPr>
      <w:rFonts w:eastAsia="Times New Roman"/>
      <w:spacing w:val="4"/>
      <w:sz w:val="20"/>
      <w:lang w:eastAsia="de-DE"/>
    </w:rPr>
  </w:style>
  <w:style w:type="character" w:styleId="Hyperlink">
    <w:name w:val="Hyperlink"/>
    <w:rsid w:val="00A738EE"/>
    <w:rPr>
      <w:color w:val="0000FF"/>
      <w:u w:val="single"/>
    </w:rPr>
  </w:style>
  <w:style w:type="paragraph" w:customStyle="1" w:styleId="tud-briefbetreffzeile">
    <w:name w:val="tud-brief_betreffzeile"/>
    <w:basedOn w:val="tud-brieftextgross"/>
    <w:rsid w:val="00A738EE"/>
    <w:pPr>
      <w:spacing w:before="4876" w:after="280"/>
    </w:pPr>
    <w:rPr>
      <w:i/>
      <w:iCs/>
    </w:rPr>
  </w:style>
  <w:style w:type="paragraph" w:styleId="Textkrper">
    <w:name w:val="Body Text"/>
    <w:basedOn w:val="Standard"/>
    <w:link w:val="TextkrperZchn"/>
    <w:rsid w:val="00A738EE"/>
    <w:pPr>
      <w:tabs>
        <w:tab w:val="left" w:pos="4537"/>
        <w:tab w:val="left" w:pos="6804"/>
      </w:tabs>
    </w:pPr>
    <w:rPr>
      <w:rFonts w:ascii="Univers 45 Light" w:hAnsi="Univers 45 Light"/>
      <w:sz w:val="22"/>
    </w:rPr>
  </w:style>
  <w:style w:type="character" w:customStyle="1" w:styleId="TextkrperZchn">
    <w:name w:val="Textkörper Zchn"/>
    <w:link w:val="Textkrper"/>
    <w:rsid w:val="00A738EE"/>
    <w:rPr>
      <w:rFonts w:ascii="Univers 45 Light" w:eastAsia="Times New Roman" w:hAnsi="Univers 45 Light"/>
      <w:spacing w:val="4"/>
      <w:lang w:eastAsia="de-DE"/>
    </w:rPr>
  </w:style>
  <w:style w:type="character" w:customStyle="1" w:styleId="Kursiv">
    <w:name w:val="Kursiv"/>
    <w:uiPriority w:val="1"/>
    <w:qFormat/>
    <w:rsid w:val="00A738EE"/>
    <w:rPr>
      <w:i/>
    </w:rPr>
  </w:style>
  <w:style w:type="paragraph" w:customStyle="1" w:styleId="FubereichStandard">
    <w:name w:val="Fußbereich Standard"/>
    <w:basedOn w:val="Standard"/>
    <w:uiPriority w:val="4"/>
    <w:qFormat/>
    <w:rsid w:val="00A738EE"/>
    <w:pPr>
      <w:framePr w:hSpace="142" w:wrap="around" w:vAnchor="page" w:hAnchor="margin" w:y="14176"/>
      <w:autoSpaceDE/>
      <w:autoSpaceDN/>
      <w:spacing w:line="160" w:lineRule="exact"/>
      <w:suppressOverlap/>
    </w:pPr>
    <w:rPr>
      <w:rFonts w:eastAsia="Calibri" w:cs="Times New Roman"/>
      <w:color w:val="717776"/>
      <w:sz w:val="12"/>
      <w:lang w:eastAsia="en-US"/>
    </w:rPr>
  </w:style>
  <w:style w:type="character" w:styleId="BesuchterLink">
    <w:name w:val="FollowedHyperlink"/>
    <w:uiPriority w:val="99"/>
    <w:semiHidden/>
    <w:unhideWhenUsed/>
    <w:rsid w:val="00D16F89"/>
    <w:rPr>
      <w:color w:val="954F72"/>
      <w:u w:val="single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39288C"/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link w:val="Sprechblasentext"/>
    <w:uiPriority w:val="99"/>
    <w:semiHidden/>
    <w:rsid w:val="0039288C"/>
    <w:rPr>
      <w:rFonts w:ascii="Segoe UI" w:eastAsia="Times New Roman" w:hAnsi="Segoe UI" w:cs="Segoe UI"/>
      <w:spacing w:val="4"/>
      <w:sz w:val="18"/>
      <w:szCs w:val="18"/>
    </w:rPr>
  </w:style>
  <w:style w:type="paragraph" w:styleId="Listenabsatz">
    <w:name w:val="List Paragraph"/>
    <w:basedOn w:val="Standard"/>
    <w:uiPriority w:val="34"/>
    <w:qFormat/>
    <w:rsid w:val="00D67CB4"/>
    <w:pPr>
      <w:autoSpaceDE/>
      <w:autoSpaceDN/>
      <w:ind w:left="720"/>
      <w:contextualSpacing/>
    </w:pPr>
    <w:rPr>
      <w:rFonts w:ascii="Calibri" w:eastAsia="Calibri" w:hAnsi="Calibri" w:cs="Times New Roman"/>
      <w:sz w:val="22"/>
      <w:szCs w:val="22"/>
      <w:lang w:eastAsia="en-US"/>
    </w:rPr>
  </w:style>
  <w:style w:type="character" w:styleId="Kommentarzeichen">
    <w:name w:val="annotation reference"/>
    <w:uiPriority w:val="99"/>
    <w:semiHidden/>
    <w:unhideWhenUsed/>
    <w:rsid w:val="00D67CB4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D67CB4"/>
  </w:style>
  <w:style w:type="character" w:customStyle="1" w:styleId="KommentartextZchn">
    <w:name w:val="Kommentartext Zchn"/>
    <w:link w:val="Kommentartext"/>
    <w:uiPriority w:val="99"/>
    <w:semiHidden/>
    <w:rsid w:val="00D67CB4"/>
    <w:rPr>
      <w:rFonts w:eastAsia="Times New Roman"/>
      <w:spacing w:val="4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1E6189"/>
    <w:rPr>
      <w:b/>
      <w:bCs/>
    </w:rPr>
  </w:style>
  <w:style w:type="character" w:customStyle="1" w:styleId="KommentarthemaZchn">
    <w:name w:val="Kommentarthema Zchn"/>
    <w:link w:val="Kommentarthema"/>
    <w:uiPriority w:val="99"/>
    <w:semiHidden/>
    <w:rsid w:val="001E6189"/>
    <w:rPr>
      <w:rFonts w:eastAsia="Times New Roman"/>
      <w:b/>
      <w:bCs/>
      <w:spacing w:val="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3" Type="http://schemas.openxmlformats.org/officeDocument/2006/relationships/hyperlink" Target="https://tu-dresden.de/med" TargetMode="External"/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79</Words>
  <Characters>500</Characters>
  <Application>Microsoft Office Word</Application>
  <DocSecurity>0</DocSecurity>
  <Lines>4</Lines>
  <Paragraphs>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7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ilvia Blass</dc:creator>
  <cp:lastModifiedBy>Herzog, Anna</cp:lastModifiedBy>
  <cp:revision>4</cp:revision>
  <cp:lastPrinted>2021-08-24T13:30:00Z</cp:lastPrinted>
  <dcterms:created xsi:type="dcterms:W3CDTF">2021-08-12T12:31:00Z</dcterms:created>
  <dcterms:modified xsi:type="dcterms:W3CDTF">2021-08-24T13:30:00Z</dcterms:modified>
</cp:coreProperties>
</file>